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D8C06F1" w14:textId="50E1C90C" w:rsidR="0009291F" w:rsidRPr="007D558F" w:rsidRDefault="007D558F" w:rsidP="00E665A5">
      <w:pPr>
        <w:spacing w:after="0"/>
        <w:rPr>
          <w:rFonts w:cstheme="minorHAnsi"/>
          <w:b/>
          <w:bCs/>
          <w:sz w:val="36"/>
          <w:szCs w:val="36"/>
          <w:u w:val="single"/>
          <w:lang w:val="sv-SE"/>
        </w:rPr>
      </w:pPr>
      <w:r w:rsidRPr="007D558F">
        <w:rPr>
          <w:rFonts w:cstheme="minorHAnsi"/>
          <w:b/>
          <w:bCs/>
          <w:sz w:val="36"/>
          <w:szCs w:val="36"/>
          <w:u w:val="single"/>
          <w:lang w:val="sv-SE"/>
        </w:rPr>
        <w:t xml:space="preserve">LHF-Dagen </w:t>
      </w:r>
      <w:r>
        <w:rPr>
          <w:rFonts w:cstheme="minorHAnsi"/>
          <w:b/>
          <w:bCs/>
          <w:sz w:val="36"/>
          <w:szCs w:val="36"/>
          <w:u w:val="single"/>
          <w:lang w:val="sv-SE"/>
        </w:rPr>
        <w:t>–</w:t>
      </w:r>
      <w:r w:rsidRPr="007D558F">
        <w:rPr>
          <w:rFonts w:cstheme="minorHAnsi"/>
          <w:b/>
          <w:bCs/>
          <w:sz w:val="36"/>
          <w:szCs w:val="36"/>
          <w:u w:val="single"/>
          <w:lang w:val="sv-SE"/>
        </w:rPr>
        <w:t xml:space="preserve"> </w:t>
      </w:r>
      <w:r>
        <w:rPr>
          <w:rFonts w:cstheme="minorHAnsi"/>
          <w:b/>
          <w:bCs/>
          <w:sz w:val="36"/>
          <w:szCs w:val="36"/>
          <w:u w:val="single"/>
          <w:lang w:val="sv-SE"/>
        </w:rPr>
        <w:t>Att göra lista inför...</w:t>
      </w:r>
    </w:p>
    <w:p w14:paraId="35B5EB5B" w14:textId="77777777" w:rsidR="007D558F" w:rsidRPr="007D558F" w:rsidRDefault="007D558F" w:rsidP="00E665A5">
      <w:pPr>
        <w:spacing w:after="0"/>
        <w:rPr>
          <w:rFonts w:cstheme="minorHAnsi"/>
          <w:sz w:val="22"/>
          <w:szCs w:val="22"/>
          <w:lang w:val="sv-SE"/>
        </w:rPr>
      </w:pPr>
    </w:p>
    <w:p w14:paraId="2F856F82" w14:textId="77777777" w:rsidR="007D558F" w:rsidRPr="007D558F" w:rsidRDefault="007D558F" w:rsidP="00E665A5">
      <w:pPr>
        <w:spacing w:after="0"/>
        <w:rPr>
          <w:rFonts w:cstheme="minorHAnsi"/>
          <w:sz w:val="22"/>
          <w:szCs w:val="22"/>
          <w:lang w:val="sv-SE"/>
        </w:rPr>
      </w:pPr>
    </w:p>
    <w:p w14:paraId="03C213D4" w14:textId="3E35A6BC" w:rsidR="007D558F" w:rsidRPr="001C7EA2" w:rsidRDefault="007D558F" w:rsidP="007D558F">
      <w:pPr>
        <w:pStyle w:val="contentpasted0"/>
        <w:shd w:val="clear" w:color="auto" w:fill="FFFFFF"/>
        <w:rPr>
          <w:rFonts w:asciiTheme="minorHAnsi" w:hAnsiTheme="minorHAnsi" w:cstheme="minorHAnsi"/>
          <w:b/>
          <w:bCs/>
          <w:sz w:val="24"/>
          <w:szCs w:val="24"/>
        </w:rPr>
      </w:pPr>
      <w:proofErr w:type="spellStart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>Styrelsen</w:t>
      </w:r>
      <w:proofErr w:type="spellEnd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 xml:space="preserve"> </w:t>
      </w:r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  <w:lang w:val="en-US"/>
        </w:rPr>
        <w:t>“att-göra-</w:t>
      </w:r>
      <w:proofErr w:type="spellStart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  <w:lang w:val="en-US"/>
        </w:rPr>
        <w:t>lista</w:t>
      </w:r>
      <w:proofErr w:type="spellEnd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  <w:lang w:val="en-US"/>
        </w:rPr>
        <w:t>”</w:t>
      </w:r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>:</w:t>
      </w:r>
    </w:p>
    <w:p w14:paraId="0E696A32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Hämt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in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uppgif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gram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om ”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Flitig</w:t>
      </w:r>
      <w:proofErr w:type="spellEnd"/>
      <w:proofErr w:type="gram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yr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”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frå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edarn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inkl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.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tröjstorlek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–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dett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pris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delade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int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u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2022. Ska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prise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kvarstå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? Vi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ha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någo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å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iställe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haft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edalj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till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vår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yngst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pelar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. </w:t>
      </w:r>
    </w:p>
    <w:p w14:paraId="2645EE7E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cstheme="minorHAnsi"/>
          <w:sz w:val="24"/>
          <w:szCs w:val="24"/>
          <w:lang w:val="en-SE"/>
        </w:rPr>
      </w:pP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Efterly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nomineringa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gram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till ”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äsongens</w:t>
      </w:r>
      <w:proofErr w:type="spellEnd"/>
      <w:proofErr w:type="gram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föräld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”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”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äsongen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edar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”.</w:t>
      </w:r>
    </w:p>
    <w:p w14:paraId="608F2D60" w14:textId="77777777" w:rsidR="007D558F" w:rsidRPr="001C7EA2" w:rsidRDefault="007D558F" w:rsidP="007D558F">
      <w:pPr>
        <w:numPr>
          <w:ilvl w:val="1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cstheme="minorHAnsi"/>
          <w:sz w:val="24"/>
          <w:szCs w:val="24"/>
          <w:lang w:val="en-SE"/>
        </w:rPr>
      </w:pP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Blommo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(300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k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)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diplom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till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istagarna</w:t>
      </w:r>
      <w:proofErr w:type="spellEnd"/>
    </w:p>
    <w:p w14:paraId="73C43E66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cstheme="minorHAnsi"/>
          <w:sz w:val="24"/>
          <w:szCs w:val="24"/>
          <w:lang w:val="en-SE"/>
        </w:rPr>
      </w:pPr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HF-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pojk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LHF-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flick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utse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av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edar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gram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(”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Årets</w:t>
      </w:r>
      <w:proofErr w:type="spellEnd"/>
      <w:proofErr w:type="gram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HF:are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”)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om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inkomm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med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nam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otivering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. 2022 var det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årgång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2005. </w:t>
      </w:r>
    </w:p>
    <w:p w14:paraId="18F8FF75" w14:textId="28D0F7EE" w:rsidR="007D558F" w:rsidRPr="001C7EA2" w:rsidRDefault="007D558F" w:rsidP="007D558F">
      <w:pPr>
        <w:numPr>
          <w:ilvl w:val="1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cstheme="minorHAnsi"/>
          <w:sz w:val="24"/>
          <w:szCs w:val="24"/>
          <w:lang w:val="en-SE"/>
        </w:rPr>
      </w:pPr>
      <w:r w:rsidRPr="001C7EA2">
        <w:rPr>
          <w:rFonts w:cstheme="minorHAnsi"/>
          <w:color w:val="000000"/>
          <w:sz w:val="24"/>
          <w:szCs w:val="24"/>
          <w:lang w:val="en-SE"/>
        </w:rPr>
        <w:t xml:space="preserve">T-shirt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elle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hoodie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diplom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till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istagarna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>.</w:t>
      </w:r>
    </w:p>
    <w:p w14:paraId="236CD790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proofErr w:type="spellStart"/>
      <w:proofErr w:type="gram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HF:s</w:t>
      </w:r>
      <w:proofErr w:type="spellEnd"/>
      <w:proofErr w:type="gram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inspirationspri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– 1 person 2022,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om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utsåg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av Emil. </w:t>
      </w:r>
    </w:p>
    <w:p w14:paraId="219681A9" w14:textId="77777777" w:rsidR="007D558F" w:rsidRPr="001C7EA2" w:rsidRDefault="007D558F" w:rsidP="007D558F">
      <w:pPr>
        <w:pStyle w:val="ListParagraph"/>
        <w:numPr>
          <w:ilvl w:val="1"/>
          <w:numId w:val="17"/>
        </w:numPr>
        <w:shd w:val="clear" w:color="auto" w:fill="FFFFFF"/>
        <w:spacing w:before="100" w:beforeAutospacing="1" w:after="100" w:afterAutospacing="1"/>
        <w:rPr>
          <w:rFonts w:cstheme="minorHAnsi"/>
          <w:sz w:val="24"/>
          <w:szCs w:val="24"/>
          <w:lang w:val="en-SE"/>
        </w:rPr>
      </w:pPr>
      <w:r w:rsidRPr="001C7EA2">
        <w:rPr>
          <w:rFonts w:cstheme="minorHAnsi"/>
          <w:color w:val="000000"/>
          <w:sz w:val="24"/>
          <w:szCs w:val="24"/>
          <w:lang w:val="en-SE"/>
        </w:rPr>
        <w:t xml:space="preserve">T-shirt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elle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hoodie,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diplom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esentkort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Intersport 1 000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k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till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istagaren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>.</w:t>
      </w:r>
    </w:p>
    <w:p w14:paraId="25F8FBC6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Efterly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nomineringa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till Niklas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Hägerfors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innesfond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, se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info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på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hemsida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hyperlink r:id="rId15" w:history="1">
        <w:r w:rsidRPr="001C7EA2">
          <w:rPr>
            <w:rStyle w:val="Hyperlink"/>
            <w:rFonts w:eastAsia="Times New Roman" w:cstheme="minorHAnsi"/>
            <w:sz w:val="24"/>
            <w:szCs w:val="24"/>
            <w:lang w:val="en-SE"/>
          </w:rPr>
          <w:t xml:space="preserve">Niklas </w:t>
        </w:r>
        <w:proofErr w:type="spellStart"/>
        <w:r w:rsidRPr="001C7EA2">
          <w:rPr>
            <w:rStyle w:val="Hyperlink"/>
            <w:rFonts w:eastAsia="Times New Roman" w:cstheme="minorHAnsi"/>
            <w:sz w:val="24"/>
            <w:szCs w:val="24"/>
            <w:lang w:val="en-SE"/>
          </w:rPr>
          <w:t>minnesfond</w:t>
        </w:r>
        <w:proofErr w:type="spellEnd"/>
        <w:r w:rsidRPr="001C7EA2">
          <w:rPr>
            <w:rStyle w:val="Hyperlink"/>
            <w:rFonts w:eastAsia="Times New Roman" w:cstheme="minorHAnsi"/>
            <w:sz w:val="24"/>
            <w:szCs w:val="24"/>
            <w:lang w:val="en-SE"/>
          </w:rPr>
          <w:t xml:space="preserve"> | Ludvika HF (laget.se)</w:t>
        </w:r>
      </w:hyperlink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</w:p>
    <w:p w14:paraId="5BDFAA6D" w14:textId="77777777" w:rsidR="007D558F" w:rsidRPr="001C7EA2" w:rsidRDefault="007D558F" w:rsidP="007D558F">
      <w:pPr>
        <w:pStyle w:val="ListParagraph"/>
        <w:numPr>
          <w:ilvl w:val="1"/>
          <w:numId w:val="17"/>
        </w:numPr>
        <w:shd w:val="clear" w:color="auto" w:fill="FFFFFF"/>
        <w:spacing w:before="100" w:beforeAutospacing="1" w:after="100" w:afterAutospacing="1"/>
        <w:rPr>
          <w:rFonts w:cstheme="minorHAnsi"/>
          <w:sz w:val="24"/>
          <w:szCs w:val="24"/>
          <w:lang w:val="en-SE"/>
        </w:rPr>
      </w:pP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Blommo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(300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k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) </w:t>
      </w:r>
      <w:proofErr w:type="spellStart"/>
      <w:proofErr w:type="gramStart"/>
      <w:r w:rsidRPr="001C7EA2">
        <w:rPr>
          <w:rFonts w:cstheme="minorHAnsi"/>
          <w:color w:val="000000"/>
          <w:sz w:val="24"/>
          <w:szCs w:val="24"/>
          <w:lang w:val="en-SE"/>
        </w:rPr>
        <w:t>och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”check</w:t>
      </w:r>
      <w:proofErr w:type="gram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” till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istagaren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>.</w:t>
      </w:r>
    </w:p>
    <w:p w14:paraId="2E9A0D16" w14:textId="77777777" w:rsidR="007D558F" w:rsidRPr="001C7EA2" w:rsidRDefault="007D558F" w:rsidP="007D558F">
      <w:pPr>
        <w:pStyle w:val="ListParagraph"/>
        <w:numPr>
          <w:ilvl w:val="1"/>
          <w:numId w:val="17"/>
        </w:numPr>
        <w:shd w:val="clear" w:color="auto" w:fill="FFFFFF"/>
        <w:spacing w:before="100" w:beforeAutospacing="1" w:after="100" w:afterAutospacing="1"/>
        <w:rPr>
          <w:rFonts w:cstheme="minorHAnsi"/>
          <w:sz w:val="24"/>
          <w:szCs w:val="24"/>
          <w:lang w:val="en-SE"/>
        </w:rPr>
      </w:pPr>
      <w:r w:rsidRPr="001C7EA2">
        <w:rPr>
          <w:rFonts w:cstheme="minorHAnsi"/>
          <w:color w:val="000000"/>
          <w:sz w:val="24"/>
          <w:szCs w:val="24"/>
          <w:lang w:val="en-SE"/>
        </w:rPr>
        <w:t xml:space="preserve">Vem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dela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ut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iset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? (Fredrik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Hägerfors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2022)</w:t>
      </w:r>
    </w:p>
    <w:p w14:paraId="66F4D7A3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Uppmärksamma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de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om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dömt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. </w:t>
      </w:r>
    </w:p>
    <w:p w14:paraId="5A016F77" w14:textId="77777777" w:rsidR="007D558F" w:rsidRPr="001C7EA2" w:rsidRDefault="007D558F" w:rsidP="007D558F">
      <w:pPr>
        <w:pStyle w:val="ListParagraph"/>
        <w:numPr>
          <w:ilvl w:val="1"/>
          <w:numId w:val="17"/>
        </w:numPr>
        <w:shd w:val="clear" w:color="auto" w:fill="FFFFFF"/>
        <w:spacing w:before="100" w:beforeAutospacing="1" w:after="100" w:afterAutospacing="1"/>
        <w:rPr>
          <w:rFonts w:cstheme="minorHAnsi"/>
          <w:sz w:val="24"/>
          <w:szCs w:val="24"/>
          <w:lang w:val="en-SE"/>
        </w:rPr>
      </w:pP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Presentkort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BK (100 </w:t>
      </w:r>
      <w:proofErr w:type="spellStart"/>
      <w:r w:rsidRPr="001C7EA2">
        <w:rPr>
          <w:rFonts w:cstheme="minorHAnsi"/>
          <w:color w:val="000000"/>
          <w:sz w:val="24"/>
          <w:szCs w:val="24"/>
          <w:lang w:val="en-SE"/>
        </w:rPr>
        <w:t>kr</w:t>
      </w:r>
      <w:proofErr w:type="spellEnd"/>
      <w:r w:rsidRPr="001C7EA2">
        <w:rPr>
          <w:rFonts w:cstheme="minorHAnsi"/>
          <w:color w:val="000000"/>
          <w:sz w:val="24"/>
          <w:szCs w:val="24"/>
          <w:lang w:val="en-SE"/>
        </w:rPr>
        <w:t xml:space="preserve"> 2022)</w:t>
      </w:r>
    </w:p>
    <w:p w14:paraId="041E0D9D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Medalj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eriespel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– 2022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kom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dessa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efte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LHF-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dage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.</w:t>
      </w:r>
    </w:p>
    <w:p w14:paraId="0FFCEA4C" w14:textId="77777777" w:rsidR="007D558F" w:rsidRPr="001C7EA2" w:rsidRDefault="007D558F" w:rsidP="007D558F">
      <w:pPr>
        <w:numPr>
          <w:ilvl w:val="0"/>
          <w:numId w:val="17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Ta in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anmälningar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frå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age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så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att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arrangöre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ka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göra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lagindelning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.</w:t>
      </w:r>
    </w:p>
    <w:p w14:paraId="74B52A2A" w14:textId="77777777" w:rsidR="007D558F" w:rsidRPr="001C7EA2" w:rsidRDefault="007D558F" w:rsidP="007D558F">
      <w:pPr>
        <w:pStyle w:val="contentpasted0"/>
        <w:shd w:val="clear" w:color="auto" w:fill="FFFFFF"/>
        <w:rPr>
          <w:rFonts w:asciiTheme="minorHAnsi" w:hAnsiTheme="minorHAnsi" w:cstheme="minorHAnsi"/>
          <w:b/>
          <w:bCs/>
          <w:sz w:val="24"/>
          <w:szCs w:val="24"/>
        </w:rPr>
      </w:pPr>
      <w:proofErr w:type="spellStart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>Arrangörens</w:t>
      </w:r>
      <w:proofErr w:type="spellEnd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 xml:space="preserve"> att-göra-</w:t>
      </w:r>
      <w:proofErr w:type="spellStart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>lista</w:t>
      </w:r>
      <w:proofErr w:type="spellEnd"/>
      <w:r w:rsidRPr="001C7EA2">
        <w:rPr>
          <w:rFonts w:asciiTheme="minorHAnsi" w:hAnsiTheme="minorHAnsi" w:cstheme="minorHAnsi"/>
          <w:b/>
          <w:bCs/>
          <w:color w:val="000000"/>
          <w:sz w:val="24"/>
          <w:szCs w:val="24"/>
        </w:rPr>
        <w:t>:</w:t>
      </w:r>
    </w:p>
    <w:p w14:paraId="651F952D" w14:textId="77777777" w:rsidR="007D558F" w:rsidRPr="001C7EA2" w:rsidRDefault="007D558F" w:rsidP="007D558F">
      <w:pPr>
        <w:numPr>
          <w:ilvl w:val="0"/>
          <w:numId w:val="16"/>
        </w:numPr>
        <w:shd w:val="clear" w:color="auto" w:fill="FFFFFF"/>
        <w:spacing w:before="100" w:beforeAutospacing="1" w:after="100" w:afterAutospacing="1" w:line="240" w:lineRule="auto"/>
        <w:rPr>
          <w:rFonts w:eastAsia="Times New Roman" w:cstheme="minorHAnsi"/>
          <w:color w:val="000000"/>
          <w:sz w:val="24"/>
          <w:szCs w:val="24"/>
          <w:lang w:val="en-SE"/>
        </w:rPr>
      </w:pPr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Program för </w:t>
      </w:r>
      <w:proofErr w:type="spellStart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>dagen</w:t>
      </w:r>
      <w:proofErr w:type="spellEnd"/>
      <w:r w:rsidRPr="001C7EA2">
        <w:rPr>
          <w:rFonts w:eastAsia="Times New Roman" w:cstheme="minorHAnsi"/>
          <w:color w:val="000000"/>
          <w:sz w:val="24"/>
          <w:szCs w:val="24"/>
          <w:lang w:val="en-SE"/>
        </w:rPr>
        <w:t xml:space="preserve"> (se fil)</w:t>
      </w:r>
    </w:p>
    <w:p w14:paraId="490629BF" w14:textId="77777777" w:rsidR="00014E32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agindelning</w:t>
      </w:r>
      <w:proofErr w:type="spellEnd"/>
    </w:p>
    <w:p w14:paraId="07AACC5F" w14:textId="0C7C7156" w:rsidR="007D558F" w:rsidRPr="001C7EA2" w:rsidRDefault="007D558F" w:rsidP="00014E32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ätt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upp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appa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med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agnumme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och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nam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i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porthalle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.</w:t>
      </w:r>
    </w:p>
    <w:p w14:paraId="6523A40B" w14:textId="1979CC7C" w:rsidR="007014C4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ix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ikabröd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r w:rsidR="001D03BB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fritt från nötter </w:t>
      </w: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-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koll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med BK i </w:t>
      </w:r>
      <w:proofErr w:type="gram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god</w:t>
      </w:r>
      <w:proofErr w:type="gram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tid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om de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ha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ikabröd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i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ryse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vi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ka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å</w:t>
      </w:r>
      <w:proofErr w:type="spellEnd"/>
    </w:p>
    <w:p w14:paraId="53BBD2AB" w14:textId="77777777" w:rsidR="00014E32" w:rsidRPr="001C7EA2" w:rsidRDefault="007014C4" w:rsidP="007014C4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Alternativ till BK 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eställ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/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köp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på ICA eller </w:t>
      </w:r>
      <w:r w:rsidR="001D03BB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Coop, </w:t>
      </w:r>
    </w:p>
    <w:p w14:paraId="2F6B924C" w14:textId="3C82EF68" w:rsidR="001D03BB" w:rsidRPr="001C7EA2" w:rsidRDefault="001D03BB" w:rsidP="007014C4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Köp laktosfritt, äggfritt, glutenfritt fikabröd</w:t>
      </w:r>
    </w:p>
    <w:p w14:paraId="61C35521" w14:textId="3B0B60E3" w:rsidR="007D558F" w:rsidRPr="001C7EA2" w:rsidRDefault="001D03BB" w:rsidP="007014C4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D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ryck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r w:rsidR="00014E32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– fråga Spendrups om festis (Smil)</w:t>
      </w:r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</w:p>
    <w:p w14:paraId="6B740898" w14:textId="77777777" w:rsidR="007D558F" w:rsidRPr="001C7EA2" w:rsidRDefault="007D558F" w:rsidP="007D558F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Tacka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ponsorern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. </w:t>
      </w:r>
    </w:p>
    <w:p w14:paraId="3E6F1701" w14:textId="70A67621" w:rsidR="007D558F" w:rsidRPr="001C7EA2" w:rsidRDefault="007D558F" w:rsidP="007D558F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köp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till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aktosfritt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/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äggfritt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/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glutenfritt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ikabröd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(ICA 2022)</w:t>
      </w:r>
    </w:p>
    <w:p w14:paraId="46D24792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oll</w:t>
      </w:r>
    </w:p>
    <w:p w14:paraId="0C108D73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Domarpipa</w:t>
      </w:r>
      <w:proofErr w:type="spellEnd"/>
    </w:p>
    <w:p w14:paraId="720F2D58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Nedsänkt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ribba</w:t>
      </w:r>
      <w:proofErr w:type="spellEnd"/>
    </w:p>
    <w:p w14:paraId="4B4B8E7E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Västar</w:t>
      </w:r>
      <w:proofErr w:type="spellEnd"/>
    </w:p>
    <w:p w14:paraId="3C74D488" w14:textId="77777777" w:rsidR="00014E32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Pris till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vinnande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aget</w:t>
      </w:r>
      <w:proofErr w:type="spellEnd"/>
    </w:p>
    <w:p w14:paraId="2CA645A0" w14:textId="5F5ACBA8" w:rsidR="007D558F" w:rsidRPr="001C7EA2" w:rsidRDefault="00014E32" w:rsidP="00014E32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M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edaljer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rån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Dollarstore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och</w:t>
      </w:r>
      <w:proofErr w:type="spellEnd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="007D558F"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kexchoklad</w:t>
      </w:r>
      <w:proofErr w:type="spellEnd"/>
    </w:p>
    <w:p w14:paraId="01C9DA67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Musik</w:t>
      </w:r>
    </w:p>
    <w:p w14:paraId="37CC5BA3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ekretariat</w:t>
      </w:r>
      <w:proofErr w:type="spellEnd"/>
    </w:p>
    <w:p w14:paraId="779D9298" w14:textId="4BF4E6C5" w:rsidR="00014E32" w:rsidRPr="001C7EA2" w:rsidRDefault="00014E32" w:rsidP="00014E32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Gör en lista vem som sitter och när</w:t>
      </w:r>
    </w:p>
    <w:p w14:paraId="35E45B3A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Domare</w:t>
      </w:r>
      <w:proofErr w:type="spellEnd"/>
    </w:p>
    <w:p w14:paraId="6ED9255B" w14:textId="68577891" w:rsidR="00014E32" w:rsidRPr="001C7EA2" w:rsidRDefault="00014E32" w:rsidP="00014E32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Gör en lista</w:t>
      </w:r>
      <w:r w:rsidR="00E244F5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 vem som dömer och när</w:t>
      </w:r>
    </w:p>
    <w:p w14:paraId="349ACBC0" w14:textId="77777777" w:rsidR="00E244F5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akletartävling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– 12 minuter?</w:t>
      </w:r>
    </w:p>
    <w:p w14:paraId="148C96D7" w14:textId="17CB182F" w:rsidR="007D558F" w:rsidRPr="001C7EA2" w:rsidRDefault="007D558F" w:rsidP="00E244F5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Gö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e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list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med saker</w:t>
      </w:r>
      <w:r w:rsidR="00E244F5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 som är bade lätta och något svårare att </w:t>
      </w:r>
      <w:proofErr w:type="gramStart"/>
      <w:r w:rsidR="00E244F5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hitta</w:t>
      </w:r>
      <w:proofErr w:type="gram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</w:p>
    <w:p w14:paraId="7083769E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änklek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– 8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på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änke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?</w:t>
      </w:r>
    </w:p>
    <w:p w14:paraId="11C2225A" w14:textId="77777777" w:rsidR="00397860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Poäng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per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mål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- 2-poängsetapper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ölje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de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gaml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åldersindelningarna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, </w:t>
      </w:r>
    </w:p>
    <w:p w14:paraId="65B52F54" w14:textId="198C7BAD" w:rsidR="00397860" w:rsidRPr="001C7EA2" w:rsidRDefault="007D558F" w:rsidP="00397860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E-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ungd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10p</w:t>
      </w:r>
      <w:r w:rsidR="00F65C05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(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6-</w:t>
      </w:r>
      <w:r w:rsidR="009B462F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9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</w:t>
      </w:r>
      <w:proofErr w:type="spellStart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år</w:t>
      </w:r>
      <w:proofErr w:type="spellEnd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)</w:t>
      </w:r>
    </w:p>
    <w:p w14:paraId="673123AD" w14:textId="3F9DED95" w:rsidR="00397860" w:rsidRPr="001C7EA2" w:rsidRDefault="007D558F" w:rsidP="00397860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D-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ungd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8p</w:t>
      </w:r>
      <w:r w:rsidR="00F347EE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(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1</w:t>
      </w:r>
      <w:r w:rsidR="009B462F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0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-12 </w:t>
      </w:r>
      <w:proofErr w:type="spellStart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år</w:t>
      </w:r>
      <w:proofErr w:type="spellEnd"/>
      <w:r w:rsidR="00F65C05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)</w:t>
      </w:r>
    </w:p>
    <w:p w14:paraId="7E6A744B" w14:textId="75D06D7E" w:rsidR="007D558F" w:rsidRPr="001C7EA2" w:rsidRDefault="00397860" w:rsidP="00397860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C-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ungd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6p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(13-14 </w:t>
      </w:r>
      <w:proofErr w:type="spellStart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år</w:t>
      </w:r>
      <w:proofErr w:type="spellEnd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)</w:t>
      </w:r>
    </w:p>
    <w:p w14:paraId="4254EDF2" w14:textId="1319C008" w:rsidR="00C2442C" w:rsidRPr="001C7EA2" w:rsidRDefault="00C2442C" w:rsidP="00397860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lastRenderedPageBreak/>
        <w:t>B-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ungdo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4p</w:t>
      </w:r>
      <w:r w:rsidR="003902A3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 (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 xml:space="preserve">15-16 </w:t>
      </w:r>
      <w:proofErr w:type="spellStart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år</w:t>
      </w:r>
      <w:proofErr w:type="spellEnd"/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en-US"/>
        </w:rPr>
        <w:t>)</w:t>
      </w:r>
    </w:p>
    <w:p w14:paraId="1C044829" w14:textId="7D86AEC4" w:rsidR="00C2442C" w:rsidRPr="001C7EA2" w:rsidRDefault="00C2442C" w:rsidP="00397860">
      <w:pPr>
        <w:pStyle w:val="contentpasted0"/>
        <w:numPr>
          <w:ilvl w:val="1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>A-ungdom/Senior 2p</w:t>
      </w:r>
      <w:r w:rsidR="002F5149" w:rsidRPr="001C7EA2">
        <w:rPr>
          <w:rFonts w:asciiTheme="minorHAnsi" w:eastAsia="Times New Roman" w:hAnsiTheme="minorHAnsi" w:cstheme="minorHAnsi"/>
          <w:color w:val="000000"/>
          <w:sz w:val="24"/>
          <w:szCs w:val="24"/>
          <w:lang w:val="sv-SE"/>
        </w:rPr>
        <w:t xml:space="preserve"> (17 år och äldre)</w:t>
      </w:r>
    </w:p>
    <w:p w14:paraId="54FC6CD6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estä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matchtid</w:t>
      </w:r>
      <w:proofErr w:type="spellEnd"/>
    </w:p>
    <w:p w14:paraId="72E836DD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Uppvärmning</w:t>
      </w:r>
      <w:proofErr w:type="spellEnd"/>
    </w:p>
    <w:p w14:paraId="518DB66B" w14:textId="77777777" w:rsidR="007D558F" w:rsidRPr="001C7EA2" w:rsidRDefault="007D558F" w:rsidP="007D558F">
      <w:pPr>
        <w:pStyle w:val="contentpasted0"/>
        <w:numPr>
          <w:ilvl w:val="0"/>
          <w:numId w:val="16"/>
        </w:numPr>
        <w:shd w:val="clear" w:color="auto" w:fill="FFFFFF"/>
        <w:rPr>
          <w:rFonts w:asciiTheme="minorHAnsi" w:eastAsia="Times New Roman" w:hAnsiTheme="minorHAnsi" w:cstheme="minorHAnsi"/>
          <w:color w:val="000000"/>
          <w:sz w:val="24"/>
          <w:szCs w:val="24"/>
        </w:rPr>
      </w:pP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Bestäm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hur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poänge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räknas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samman</w:t>
      </w:r>
      <w:proofErr w:type="spellEnd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 xml:space="preserve"> till </w:t>
      </w:r>
      <w:proofErr w:type="spellStart"/>
      <w:r w:rsidRPr="001C7EA2">
        <w:rPr>
          <w:rFonts w:asciiTheme="minorHAnsi" w:eastAsia="Times New Roman" w:hAnsiTheme="minorHAnsi" w:cstheme="minorHAnsi"/>
          <w:color w:val="000000"/>
          <w:sz w:val="24"/>
          <w:szCs w:val="24"/>
        </w:rPr>
        <w:t>finalen</w:t>
      </w:r>
      <w:proofErr w:type="spellEnd"/>
    </w:p>
    <w:p w14:paraId="6240D298" w14:textId="77777777" w:rsidR="007D558F" w:rsidRPr="007D558F" w:rsidRDefault="007D558F" w:rsidP="00E665A5">
      <w:pPr>
        <w:spacing w:after="0"/>
        <w:rPr>
          <w:rFonts w:cstheme="minorHAnsi"/>
          <w:sz w:val="22"/>
          <w:szCs w:val="22"/>
          <w:lang w:val="en-SE"/>
        </w:rPr>
      </w:pPr>
    </w:p>
    <w:sectPr w:rsidR="007D558F" w:rsidRPr="007D558F" w:rsidSect="001C7EA2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1907" w:h="16840" w:code="9"/>
      <w:pgMar w:top="1281" w:right="743" w:bottom="2127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8F9336" w14:textId="77777777" w:rsidR="006E3CB3" w:rsidRDefault="006E3CB3" w:rsidP="00C60D54">
      <w:pPr>
        <w:pStyle w:val="EndnoteSeparator"/>
      </w:pPr>
    </w:p>
    <w:p w14:paraId="600F4D97" w14:textId="77777777" w:rsidR="006E3CB3" w:rsidRDefault="006E3CB3"/>
  </w:endnote>
  <w:endnote w:type="continuationSeparator" w:id="0">
    <w:p w14:paraId="6A5033CD" w14:textId="77777777" w:rsidR="006E3CB3" w:rsidRDefault="006E3CB3" w:rsidP="00C60D54">
      <w:pPr>
        <w:pStyle w:val="EndnoteSeparatorcont"/>
      </w:pPr>
    </w:p>
    <w:p w14:paraId="21E039C2" w14:textId="77777777" w:rsidR="006E3CB3" w:rsidRDefault="006E3CB3"/>
  </w:endnote>
  <w:endnote w:type="continuationNotice" w:id="1">
    <w:p w14:paraId="59419758" w14:textId="77777777" w:rsidR="006E3CB3" w:rsidRDefault="006E3CB3" w:rsidP="00C60D54">
      <w:pPr>
        <w:pStyle w:val="EndnoteContinuation"/>
      </w:pPr>
    </w:p>
    <w:p w14:paraId="4457E1F6" w14:textId="77777777" w:rsidR="006E3CB3" w:rsidRDefault="006E3CB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Sylfaen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778F6BD" w14:textId="77777777" w:rsidR="007D558F" w:rsidRDefault="007D558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7F0A53" w14:textId="77777777" w:rsidR="007D558F" w:rsidRDefault="007D558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ADB666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2FA0B05" w14:textId="77777777" w:rsidR="006E3CB3" w:rsidRDefault="006E3CB3" w:rsidP="004266B9">
      <w:pPr>
        <w:pStyle w:val="FootnoteSeparator"/>
      </w:pPr>
    </w:p>
    <w:p w14:paraId="2D859E20" w14:textId="77777777" w:rsidR="006E3CB3" w:rsidRDefault="006E3CB3"/>
  </w:footnote>
  <w:footnote w:type="continuationSeparator" w:id="0">
    <w:p w14:paraId="54D9A2CC" w14:textId="77777777" w:rsidR="006E3CB3" w:rsidRDefault="006E3CB3" w:rsidP="004266B9">
      <w:pPr>
        <w:pStyle w:val="FootnoteSeparatorcont"/>
      </w:pPr>
    </w:p>
    <w:p w14:paraId="3C4755D5" w14:textId="77777777" w:rsidR="006E3CB3" w:rsidRDefault="006E3CB3"/>
  </w:footnote>
  <w:footnote w:type="continuationNotice" w:id="1">
    <w:p w14:paraId="0A0B907E" w14:textId="77777777" w:rsidR="006E3CB3" w:rsidRDefault="006E3CB3" w:rsidP="004266B9">
      <w:pPr>
        <w:pStyle w:val="FootnoteContinuation"/>
      </w:pPr>
    </w:p>
    <w:p w14:paraId="78B2DC54" w14:textId="77777777" w:rsidR="006E3CB3" w:rsidRDefault="006E3CB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E8B1E42" w14:textId="77777777" w:rsidR="007D558F" w:rsidRDefault="007D558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869BF3" w14:textId="77777777" w:rsidR="007D558F" w:rsidRDefault="007D558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B323354" w14:textId="77777777" w:rsidR="007D558F" w:rsidRDefault="007D558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7" w15:restartNumberingAfterBreak="0">
    <w:nsid w:val="214E57CD"/>
    <w:multiLevelType w:val="multilevel"/>
    <w:tmpl w:val="2206B890"/>
    <w:numStyleLink w:val="HitachiABBBulletList"/>
  </w:abstractNum>
  <w:abstractNum w:abstractNumId="8" w15:restartNumberingAfterBreak="0">
    <w:nsid w:val="250324B8"/>
    <w:multiLevelType w:val="multilevel"/>
    <w:tmpl w:val="EDF6B122"/>
    <w:numStyleLink w:val="HitachiABBNumberedList"/>
  </w:abstractNum>
  <w:abstractNum w:abstractNumId="9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0" w15:restartNumberingAfterBreak="0">
    <w:nsid w:val="2A7628C1"/>
    <w:multiLevelType w:val="hybridMultilevel"/>
    <w:tmpl w:val="59B855E6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2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5" w15:restartNumberingAfterBreak="0">
    <w:nsid w:val="644B4EFA"/>
    <w:multiLevelType w:val="multilevel"/>
    <w:tmpl w:val="1E78310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2094475112">
    <w:abstractNumId w:val="9"/>
  </w:num>
  <w:num w:numId="2" w16cid:durableId="1118797145">
    <w:abstractNumId w:val="6"/>
  </w:num>
  <w:num w:numId="3" w16cid:durableId="289288257">
    <w:abstractNumId w:val="14"/>
  </w:num>
  <w:num w:numId="4" w16cid:durableId="1084567241">
    <w:abstractNumId w:val="5"/>
  </w:num>
  <w:num w:numId="5" w16cid:durableId="1383869528">
    <w:abstractNumId w:val="4"/>
  </w:num>
  <w:num w:numId="6" w16cid:durableId="148405171">
    <w:abstractNumId w:val="3"/>
  </w:num>
  <w:num w:numId="7" w16cid:durableId="1041200569">
    <w:abstractNumId w:val="2"/>
  </w:num>
  <w:num w:numId="8" w16cid:durableId="303706765">
    <w:abstractNumId w:val="1"/>
  </w:num>
  <w:num w:numId="9" w16cid:durableId="110169405">
    <w:abstractNumId w:val="0"/>
  </w:num>
  <w:num w:numId="10" w16cid:durableId="1625501462">
    <w:abstractNumId w:val="13"/>
  </w:num>
  <w:num w:numId="11" w16cid:durableId="250772437">
    <w:abstractNumId w:val="8"/>
  </w:num>
  <w:num w:numId="12" w16cid:durableId="1318923704">
    <w:abstractNumId w:val="7"/>
  </w:num>
  <w:num w:numId="13" w16cid:durableId="1668360773">
    <w:abstractNumId w:val="11"/>
  </w:num>
  <w:num w:numId="14" w16cid:durableId="135878907">
    <w:abstractNumId w:val="12"/>
  </w:num>
  <w:num w:numId="15" w16cid:durableId="582104614">
    <w:abstractNumId w:val="16"/>
  </w:num>
  <w:num w:numId="16" w16cid:durableId="1767917847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776871077">
    <w:abstractNumId w:val="1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 w:grammar="clean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D558F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14E32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C7EA2"/>
    <w:rsid w:val="001D03BB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5149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02A3"/>
    <w:rsid w:val="003917C6"/>
    <w:rsid w:val="00392E00"/>
    <w:rsid w:val="0039786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3CB3"/>
    <w:rsid w:val="006E41E6"/>
    <w:rsid w:val="006F01E2"/>
    <w:rsid w:val="006F2B93"/>
    <w:rsid w:val="006F386E"/>
    <w:rsid w:val="006F7AA5"/>
    <w:rsid w:val="0070048C"/>
    <w:rsid w:val="007014C4"/>
    <w:rsid w:val="00703151"/>
    <w:rsid w:val="0070365B"/>
    <w:rsid w:val="00704D9D"/>
    <w:rsid w:val="00704F2B"/>
    <w:rsid w:val="00704F6F"/>
    <w:rsid w:val="007051D6"/>
    <w:rsid w:val="007059B8"/>
    <w:rsid w:val="00705E1B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58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462F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442C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44F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2DC3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47EE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C05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,"/>
  <w14:docId w14:val="0C2CA33A"/>
  <w15:docId w15:val="{AF79AF09-E314-48E8-AE6B-BAB96427C5B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  <w:style w:type="paragraph" w:customStyle="1" w:styleId="contentpasted0">
    <w:name w:val="contentpasted0"/>
    <w:basedOn w:val="Normal"/>
    <w:rsid w:val="007D558F"/>
    <w:pPr>
      <w:spacing w:after="0" w:line="240" w:lineRule="auto"/>
    </w:pPr>
    <w:rPr>
      <w:rFonts w:ascii="Calibri" w:hAnsi="Calibri" w:cs="Calibri"/>
      <w:kern w:val="0"/>
      <w:sz w:val="22"/>
      <w:szCs w:val="22"/>
      <w:lang w:val="en-SE" w:eastAsia="en-S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3861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yperlink" Target="https://eur04.safelinks.protection.outlook.com/?url=https%3A%2F%2Fwww.laget.se%2FLudvikaHF%2FPage%2F407140&amp;data=05%7C02%7Celisabeth.almqvist%40hitachienergy.com%7C8b9a69383fc64848043e08dc20cb742b%7C7831e6d9dc6c4cd19ec61dc2b4133195%7C0%7C0%7C638421305399018952%7CUnknown%7CTWFpbGZsb3d8eyJWIjoiMC4wLjAwMDAiLCJQIjoiV2luMzIiLCJBTiI6Ik1haWwiLCJXVCI6Mn0%3D%7C0%7C%7C%7C&amp;sdata=3eIVs3v%2Bg8nzAEqHUbLfdPqsII6ksMDGkvLMjf9WT0k%3D&amp;reserved=0" TargetMode="External"/><Relationship Id="rId23" Type="http://schemas.openxmlformats.org/officeDocument/2006/relationships/theme" Target="theme/theme1.xml"/><Relationship Id="rId10" Type="http://schemas.openxmlformats.org/officeDocument/2006/relationships/styles" Target="style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EA6794\AppData\Local\Temp\Templafy\WordVsto\3mi3wf33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8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Props1.xml><?xml version="1.0" encoding="utf-8"?>
<ds:datastoreItem xmlns:ds="http://schemas.openxmlformats.org/officeDocument/2006/customXml" ds:itemID="{A87C897A-B40F-4E2C-A946-7FF2709EE7AC}">
  <ds:schemaRefs/>
</ds:datastoreItem>
</file>

<file path=customXml/itemProps2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55675DEB-2CF2-4E3D-A060-9FBC87431F56}">
  <ds:schemaRefs/>
</ds:datastoreItem>
</file>

<file path=customXml/itemProps5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48DE978-4AD7-4A1F-8B90-5FAF5FAF4F9D}">
  <ds:schemaRefs/>
</ds:datastoreItem>
</file>

<file path=customXml/itemProps7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8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3mi3wf33</Template>
  <TotalTime>39</TotalTime>
  <Pages>2</Pages>
  <Words>383</Words>
  <Characters>2187</Characters>
  <Application>Microsoft Office Word</Application>
  <DocSecurity>0</DocSecurity>
  <Lines>18</Lines>
  <Paragraphs>5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> </vt:lpstr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25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lisabeth Almqvist</dc:creator>
  <cp:keywords/>
  <cp:lastModifiedBy>Elisabeth Almqvist</cp:lastModifiedBy>
  <cp:revision>15</cp:revision>
  <dcterms:created xsi:type="dcterms:W3CDTF">2024-01-29T13:19:00Z</dcterms:created>
  <dcterms:modified xsi:type="dcterms:W3CDTF">2024-01-29T15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171674747852268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